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2006503\Desktop\新ホームページ内容\"/>
    </mc:Choice>
  </mc:AlternateContent>
  <bookViews>
    <workbookView xWindow="0" yWindow="0" windowWidth="11955" windowHeight="4995"/>
  </bookViews>
  <sheets>
    <sheet name="がんゲノム医療情報登録データ" sheetId="3" r:id="rId1"/>
  </sheets>
  <definedNames>
    <definedName name="_xlnm.Print_Titles" localSheetId="0">がんゲノム医療情報登録データ!$2:$3</definedName>
  </definedNames>
  <calcPr calcId="162913"/>
  <extLst>
    <ext xmlns:x14="http://schemas.microsoft.com/office/spreadsheetml/2009/9/main" uri="{79F54976-1DA5-4618-B147-4CDE4B953A38}">
      <x14:workbookPr defaultImageDpi="330"/>
    </ex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3" uniqueCount="167">
  <si>
    <t>グループ大分類名称</t>
    <rPh sb="4" eb="7">
      <t>ダイブンルイ</t>
    </rPh>
    <rPh sb="7" eb="9">
      <t>メイショウ</t>
    </rPh>
    <phoneticPr fontId="2"/>
  </si>
  <si>
    <t>入力項目名</t>
    <rPh sb="0" eb="2">
      <t>ニュウリョク</t>
    </rPh>
    <rPh sb="2" eb="5">
      <t>コウモクメイ</t>
    </rPh>
    <phoneticPr fontId="2"/>
  </si>
  <si>
    <t>必須</t>
    <rPh sb="0" eb="2">
      <t>ヒッス</t>
    </rPh>
    <phoneticPr fontId="2"/>
  </si>
  <si>
    <t>性別</t>
    <rPh sb="0" eb="2">
      <t>セイベツ</t>
    </rPh>
    <phoneticPr fontId="2"/>
  </si>
  <si>
    <t>生年月日</t>
    <rPh sb="0" eb="4">
      <t>セイネンガッピ</t>
    </rPh>
    <phoneticPr fontId="2"/>
  </si>
  <si>
    <t>年齢</t>
    <rPh sb="0" eb="2">
      <t>ネンレイ</t>
    </rPh>
    <phoneticPr fontId="2"/>
  </si>
  <si>
    <t>検体採取日（腫瘍組織）</t>
    <rPh sb="0" eb="2">
      <t>ケンタイ</t>
    </rPh>
    <rPh sb="2" eb="4">
      <t>サイシュ</t>
    </rPh>
    <rPh sb="4" eb="5">
      <t>ビ</t>
    </rPh>
    <rPh sb="6" eb="8">
      <t>シュヨウ</t>
    </rPh>
    <rPh sb="8" eb="10">
      <t>ソシキ</t>
    </rPh>
    <phoneticPr fontId="2"/>
  </si>
  <si>
    <t>5-1</t>
  </si>
  <si>
    <t>病理診断名</t>
    <rPh sb="0" eb="2">
      <t>ビョウリ</t>
    </rPh>
    <rPh sb="2" eb="5">
      <t>シンダンメイ</t>
    </rPh>
    <phoneticPr fontId="2"/>
  </si>
  <si>
    <t>患者背景</t>
    <rPh sb="0" eb="2">
      <t>カンジャ</t>
    </rPh>
    <rPh sb="2" eb="4">
      <t>ハイケイ</t>
    </rPh>
    <phoneticPr fontId="2"/>
  </si>
  <si>
    <t>必須</t>
  </si>
  <si>
    <t>5-2</t>
  </si>
  <si>
    <t>診断日</t>
    <rPh sb="0" eb="2">
      <t>シンダン</t>
    </rPh>
    <rPh sb="2" eb="3">
      <t>ビ</t>
    </rPh>
    <phoneticPr fontId="2"/>
  </si>
  <si>
    <t>5-3</t>
  </si>
  <si>
    <t>喫煙歴有無</t>
    <rPh sb="0" eb="3">
      <t>キツエンレキ</t>
    </rPh>
    <rPh sb="3" eb="5">
      <t>ウム</t>
    </rPh>
    <phoneticPr fontId="2"/>
  </si>
  <si>
    <t>□なし　　□あり　　□不明</t>
  </si>
  <si>
    <t>5-7</t>
  </si>
  <si>
    <t>ECOG PS</t>
  </si>
  <si>
    <t>□0　　□1　　□2　　□3　　□4　　□不明</t>
    <rPh sb="21" eb="23">
      <t>フメイ</t>
    </rPh>
    <phoneticPr fontId="2"/>
  </si>
  <si>
    <t>5-8</t>
  </si>
  <si>
    <t>重複がん有無（異なる臓器）</t>
    <rPh sb="0" eb="2">
      <t>チョウフク</t>
    </rPh>
    <rPh sb="4" eb="6">
      <t>ウム</t>
    </rPh>
    <phoneticPr fontId="2"/>
  </si>
  <si>
    <t>□なし　　□あり　　□不明</t>
    <rPh sb="11" eb="13">
      <t>フメイ</t>
    </rPh>
    <phoneticPr fontId="2"/>
  </si>
  <si>
    <t>重複がん</t>
    <rPh sb="0" eb="2">
      <t>チョウフク</t>
    </rPh>
    <phoneticPr fontId="2"/>
  </si>
  <si>
    <t>□中枢神経系
□脳
□眼
□口腔
□咽頭
□喉頭
□鼻・副鼻腔
□唾液腺
□甲状腺
□肺</t>
  </si>
  <si>
    <t>□胸膜
□胸腺
□乳
□食道
□胃
□十二指腸乳頭部
□小腸
□虫垂
□大腸
□肝</t>
  </si>
  <si>
    <t>□胆道
□膵
□腎
□腎盂
□副腎
□膀胱
□尿管
□前立腺
□精巣
□陰茎</t>
  </si>
  <si>
    <t>□子宮体部
□子宮頚部
□卵巣/卵管
□膣
□皮膚
□皮下
□骨
□筋肉
□軟部組織
□腹膜</t>
  </si>
  <si>
    <t>5-11</t>
  </si>
  <si>
    <t>□活動性
□非活動性
□不明</t>
    <rPh sb="12" eb="14">
      <t>フメイ</t>
    </rPh>
    <phoneticPr fontId="2"/>
  </si>
  <si>
    <t>5-12</t>
  </si>
  <si>
    <t>多発がん有無（同一臓器）</t>
    <rPh sb="0" eb="2">
      <t>タハツ</t>
    </rPh>
    <rPh sb="4" eb="6">
      <t>ウム</t>
    </rPh>
    <phoneticPr fontId="2"/>
  </si>
  <si>
    <t>多発がん</t>
    <rPh sb="0" eb="2">
      <t>タハツ</t>
    </rPh>
    <phoneticPr fontId="2"/>
  </si>
  <si>
    <t>5-13</t>
  </si>
  <si>
    <t>□活動性　　□非活動性　　□不明</t>
    <rPh sb="14" eb="16">
      <t>フメイ</t>
    </rPh>
    <phoneticPr fontId="2"/>
  </si>
  <si>
    <t>5-14</t>
  </si>
  <si>
    <t>家族歴有無</t>
    <rPh sb="0" eb="3">
      <t>カゾクレキ</t>
    </rPh>
    <rPh sb="3" eb="5">
      <t>ウム</t>
    </rPh>
    <phoneticPr fontId="2"/>
  </si>
  <si>
    <t>家族歴</t>
    <rPh sb="0" eb="3">
      <t>カゾクレキ</t>
    </rPh>
    <phoneticPr fontId="2"/>
  </si>
  <si>
    <t>6-1</t>
  </si>
  <si>
    <t>登録時転移の有無</t>
    <rPh sb="0" eb="3">
      <t>トウロクジ</t>
    </rPh>
    <rPh sb="3" eb="5">
      <t>テンイ</t>
    </rPh>
    <rPh sb="6" eb="8">
      <t>ウム</t>
    </rPh>
    <phoneticPr fontId="2"/>
  </si>
  <si>
    <t>6-2</t>
  </si>
  <si>
    <t>6-3-1　EGFR</t>
  </si>
  <si>
    <t>6-3-2　EGFR-type</t>
  </si>
  <si>
    <t>6-3-3　EGFR-検査方法</t>
    <rPh sb="11" eb="13">
      <t>ケンサ</t>
    </rPh>
    <rPh sb="13" eb="15">
      <t>ホウホウ</t>
    </rPh>
    <phoneticPr fontId="2"/>
  </si>
  <si>
    <t>6-3-4　EGFR-TKI耐性後EGFR-T790M</t>
    <rPh sb="14" eb="16">
      <t>タイセイ</t>
    </rPh>
    <rPh sb="16" eb="17">
      <t>ゴ</t>
    </rPh>
    <phoneticPr fontId="2"/>
  </si>
  <si>
    <t>6-3-5　ALK融合</t>
    <rPh sb="9" eb="11">
      <t>ユウゴウ</t>
    </rPh>
    <phoneticPr fontId="2"/>
  </si>
  <si>
    <t>□陰性
□陽性
□判定不能
□不明or未検査</t>
    <rPh sb="1" eb="3">
      <t>インセイ</t>
    </rPh>
    <rPh sb="5" eb="7">
      <t>ヨウセイ</t>
    </rPh>
    <rPh sb="9" eb="11">
      <t>ハンテイ</t>
    </rPh>
    <rPh sb="11" eb="13">
      <t>フノウ</t>
    </rPh>
    <rPh sb="15" eb="17">
      <t>フメイ</t>
    </rPh>
    <rPh sb="19" eb="22">
      <t>ミケンサ</t>
    </rPh>
    <phoneticPr fontId="2"/>
  </si>
  <si>
    <t>□G719
□exon-19欠失
□S768I
□T790M
□exon-20挿入
□L858R
□L861Q
□その他
□不明</t>
  </si>
  <si>
    <t>□CobasV2
□Therascreen
□その他
□不明</t>
  </si>
  <si>
    <t>6-3-6　ALK-検査方法</t>
    <rPh sb="10" eb="12">
      <t>ケンサ</t>
    </rPh>
    <rPh sb="12" eb="14">
      <t>ホウホウ</t>
    </rPh>
    <phoneticPr fontId="2"/>
  </si>
  <si>
    <t>6-3-7　ROS1</t>
  </si>
  <si>
    <t>6-3-8　BRAF（V600）</t>
  </si>
  <si>
    <t>6-3-9　PD-L1（IHC）</t>
  </si>
  <si>
    <t>6-3-10　PD-L1（IHC）-検査方法</t>
    <rPh sb="18" eb="20">
      <t>ケンサ</t>
    </rPh>
    <rPh sb="20" eb="22">
      <t>ホウホウ</t>
    </rPh>
    <phoneticPr fontId="2"/>
  </si>
  <si>
    <t>□IHCのみ
□FISHのみ
□IHC+FISH
□RT-PCRのみ
□RT-PCR+FISH　
□その他
□不明</t>
  </si>
  <si>
    <t>□陰性
□陽性
□判定不能□不明or未検査</t>
    <rPh sb="1" eb="3">
      <t>インセイ</t>
    </rPh>
    <rPh sb="5" eb="7">
      <t>ヨウセイ</t>
    </rPh>
    <rPh sb="9" eb="11">
      <t>ハンテイ</t>
    </rPh>
    <rPh sb="11" eb="13">
      <t>フノウ</t>
    </rPh>
    <rPh sb="14" eb="16">
      <t>フメイ</t>
    </rPh>
    <rPh sb="18" eb="21">
      <t>ミケンサ</t>
    </rPh>
    <phoneticPr fontId="2"/>
  </si>
  <si>
    <t>□Nivolumab/Dako28-8（BMS/小野）　
□Pembrolizumab/Dako22C3（Merck）
□その他　
□不明</t>
  </si>
  <si>
    <t>6-3-11　陽性率</t>
    <rPh sb="7" eb="10">
      <t>ヨウセイリツ</t>
    </rPh>
    <phoneticPr fontId="2"/>
  </si>
  <si>
    <t>6-3-12　アスベスト曝露歴</t>
  </si>
  <si>
    <t>□なし
□あり
□不明</t>
  </si>
  <si>
    <t>6-4-1　HER2（IHC）</t>
  </si>
  <si>
    <t>6-4-2　HER2（FISH）</t>
  </si>
  <si>
    <t>6-4-3　ER</t>
  </si>
  <si>
    <t>6-4-4　PgR</t>
  </si>
  <si>
    <t>6-4-5　gBRCA1</t>
  </si>
  <si>
    <t>6-4-6　gBRCA2</t>
  </si>
  <si>
    <t>□陰性　
□陰性（1+）
□境界域（2+）
□陽性（3+）
□判定不能
□不明or未検査</t>
    <rPh sb="6" eb="8">
      <t>インセイ</t>
    </rPh>
    <phoneticPr fontId="2"/>
  </si>
  <si>
    <t>□陰性
□equivocal
□陽性
□判定不能
□不明or未検査</t>
    <rPh sb="20" eb="22">
      <t>ハンテイ</t>
    </rPh>
    <rPh sb="22" eb="24">
      <t>フノウ</t>
    </rPh>
    <rPh sb="26" eb="28">
      <t>フメイ</t>
    </rPh>
    <rPh sb="30" eb="33">
      <t>ミケンサ</t>
    </rPh>
    <phoneticPr fontId="2"/>
  </si>
  <si>
    <t>6-5-1　KRAS</t>
  </si>
  <si>
    <t>6-5-2　KRAS-type</t>
  </si>
  <si>
    <t>6-5-3　KRAS-検査方法</t>
    <rPh sb="11" eb="13">
      <t>ケンサ</t>
    </rPh>
    <rPh sb="13" eb="15">
      <t>ホウホウ</t>
    </rPh>
    <phoneticPr fontId="2"/>
  </si>
  <si>
    <t>6-5-4　NRAS</t>
  </si>
  <si>
    <t>6-5-5　NRAS-type</t>
  </si>
  <si>
    <t>□codon12
□codon13
□codon59
□codon61
□codon117
□codon146
□不明</t>
  </si>
  <si>
    <t>□PCR-rSSO法
□その他
□不明</t>
  </si>
  <si>
    <t>□codon12
□codon13
□codon59
□codon61
□codon117
□codon146□不明</t>
  </si>
  <si>
    <t>6-5-6　NRAS-検査方法</t>
    <rPh sb="11" eb="13">
      <t>ケンサ</t>
    </rPh>
    <rPh sb="13" eb="15">
      <t>ホウホウ</t>
    </rPh>
    <phoneticPr fontId="2"/>
  </si>
  <si>
    <t>6-5-7　HER2</t>
  </si>
  <si>
    <t>6-5-8　EGFR（IHC）</t>
  </si>
  <si>
    <t>6-5-9　BRAF（V600）</t>
  </si>
  <si>
    <t>□陰性
□陰性（1+）
□境界域（2+） 
□陽性（3+） 
□判定不能　
□不明or未検査</t>
    <rPh sb="5" eb="7">
      <t>インセイ</t>
    </rPh>
    <phoneticPr fontId="2"/>
  </si>
  <si>
    <t>6-6-1　HBsAg</t>
  </si>
  <si>
    <t>6-6-2　HBs抗体</t>
  </si>
  <si>
    <t>6-6-4　HCV抗体</t>
  </si>
  <si>
    <t>□低
□中
□高
□不明or未検査</t>
  </si>
  <si>
    <t>6-7-1　BRAF（V600）</t>
  </si>
  <si>
    <t>薬物療法１</t>
    <rPh sb="0" eb="2">
      <t>ヤクブツ</t>
    </rPh>
    <rPh sb="2" eb="4">
      <t>リョウホウ</t>
    </rPh>
    <phoneticPr fontId="2"/>
  </si>
  <si>
    <t>薬物療法２</t>
    <rPh sb="0" eb="2">
      <t>ヤクブツ</t>
    </rPh>
    <rPh sb="2" eb="4">
      <t>リョウホウ</t>
    </rPh>
    <phoneticPr fontId="2"/>
  </si>
  <si>
    <t>薬物療法３</t>
    <rPh sb="0" eb="2">
      <t>ヤクブツ</t>
    </rPh>
    <rPh sb="2" eb="4">
      <t>リョウホウ</t>
    </rPh>
    <phoneticPr fontId="2"/>
  </si>
  <si>
    <t>薬物療法４</t>
    <rPh sb="0" eb="2">
      <t>ヤクブツ</t>
    </rPh>
    <rPh sb="2" eb="4">
      <t>リョウホウ</t>
    </rPh>
    <phoneticPr fontId="2"/>
  </si>
  <si>
    <t>薬物療法５</t>
    <rPh sb="0" eb="2">
      <t>ヤクブツ</t>
    </rPh>
    <rPh sb="2" eb="4">
      <t>リョウホウ</t>
    </rPh>
    <phoneticPr fontId="2"/>
  </si>
  <si>
    <t>7-2</t>
  </si>
  <si>
    <t>実施目的</t>
    <rPh sb="0" eb="2">
      <t>ジッシ</t>
    </rPh>
    <rPh sb="2" eb="4">
      <t>モクテキ</t>
    </rPh>
    <phoneticPr fontId="2"/>
  </si>
  <si>
    <t>レジメン</t>
  </si>
  <si>
    <t>□術前補助療法
□術後補助療法
□根治
□その他</t>
  </si>
  <si>
    <t>7-3</t>
  </si>
  <si>
    <t>実施施設</t>
    <rPh sb="0" eb="2">
      <t>ジッシ</t>
    </rPh>
    <rPh sb="2" eb="4">
      <t>シセツ</t>
    </rPh>
    <phoneticPr fontId="2"/>
  </si>
  <si>
    <t>□自施設　□他施設</t>
    <rPh sb="1" eb="2">
      <t>ジ</t>
    </rPh>
    <rPh sb="2" eb="4">
      <t>シセツ</t>
    </rPh>
    <rPh sb="6" eb="7">
      <t>タ</t>
    </rPh>
    <rPh sb="7" eb="9">
      <t>シセツ</t>
    </rPh>
    <phoneticPr fontId="2"/>
  </si>
  <si>
    <t>7-5</t>
  </si>
  <si>
    <t>薬剤名</t>
    <rPh sb="0" eb="2">
      <t>ヤクザイ</t>
    </rPh>
    <rPh sb="2" eb="3">
      <t>メイ</t>
    </rPh>
    <phoneticPr fontId="2"/>
  </si>
  <si>
    <t>7-8</t>
  </si>
  <si>
    <t>投与開始日</t>
    <rPh sb="0" eb="2">
      <t>トウヨ</t>
    </rPh>
    <rPh sb="2" eb="5">
      <t>カイシヒ</t>
    </rPh>
    <phoneticPr fontId="2"/>
  </si>
  <si>
    <t>7-9</t>
  </si>
  <si>
    <t>投与終了日</t>
    <rPh sb="0" eb="2">
      <t>トウヨ</t>
    </rPh>
    <rPh sb="2" eb="5">
      <t>シュウリョウヒ</t>
    </rPh>
    <phoneticPr fontId="2"/>
  </si>
  <si>
    <t>7-12</t>
  </si>
  <si>
    <t>最良総合効果</t>
  </si>
  <si>
    <t>□CR
□PR
□SD
□PD
□NE</t>
  </si>
  <si>
    <t>　　　　年　　　　月　　　　日　</t>
    <phoneticPr fontId="2"/>
  </si>
  <si>
    <t>5-9</t>
    <phoneticPr fontId="2"/>
  </si>
  <si>
    <t>重複がん活動性
（重複がんありの場合）</t>
    <phoneticPr fontId="2"/>
  </si>
  <si>
    <t>重複がん部位
（重複がんありの場合・複数選択可）</t>
    <phoneticPr fontId="2"/>
  </si>
  <si>
    <t>多発がん活動性
（多発がんありの場合）</t>
    <rPh sb="4" eb="7">
      <t>カツドウセイ</t>
    </rPh>
    <phoneticPr fontId="2"/>
  </si>
  <si>
    <t>登録時転移の部位
（登録時転移ありの場合）</t>
    <phoneticPr fontId="2"/>
  </si>
  <si>
    <t>6-3</t>
    <phoneticPr fontId="2"/>
  </si>
  <si>
    <t>がん種区分：肺の場合</t>
    <rPh sb="2" eb="3">
      <t>シュ</t>
    </rPh>
    <rPh sb="3" eb="5">
      <t>クブン</t>
    </rPh>
    <rPh sb="6" eb="7">
      <t>ハイ</t>
    </rPh>
    <rPh sb="8" eb="10">
      <t>バアイ</t>
    </rPh>
    <phoneticPr fontId="2"/>
  </si>
  <si>
    <t>がん種区分：乳の場合</t>
    <phoneticPr fontId="2"/>
  </si>
  <si>
    <t>6-4</t>
    <phoneticPr fontId="2"/>
  </si>
  <si>
    <t>がん種区分：食道/胃or腸の場合</t>
    <phoneticPr fontId="2"/>
  </si>
  <si>
    <t>6-5</t>
    <phoneticPr fontId="2"/>
  </si>
  <si>
    <t>6-6</t>
    <phoneticPr fontId="2"/>
  </si>
  <si>
    <t>がん種区分：皮膚の場合</t>
    <phoneticPr fontId="2"/>
  </si>
  <si>
    <t>6-7</t>
    <phoneticPr fontId="2"/>
  </si>
  <si>
    <t>　　　　年　　　　月　　　日</t>
    <phoneticPr fontId="2"/>
  </si>
  <si>
    <t>6 がん種情報</t>
    <rPh sb="4" eb="5">
      <t>シュ</t>
    </rPh>
    <rPh sb="5" eb="7">
      <t>ジョウホウ</t>
    </rPh>
    <phoneticPr fontId="2"/>
  </si>
  <si>
    <t>No.</t>
  </si>
  <si>
    <t>1-6</t>
  </si>
  <si>
    <t>1-7</t>
  </si>
  <si>
    <t>1-8</t>
  </si>
  <si>
    <t>□食道/胃
□十二指腸乳頭部
□腸
□肝
□胆道
□膵
□腎
□副腎</t>
  </si>
  <si>
    <t>□膀胱/尿管
□前立腺
□精巣
□陰茎
□子宮
□子宮頚部
□卵巣/卵管
□膣</t>
  </si>
  <si>
    <t>4-7</t>
  </si>
  <si>
    <t>4-8</t>
  </si>
  <si>
    <t>検体採取方法</t>
    <rPh sb="0" eb="2">
      <t>ケンタイ</t>
    </rPh>
    <rPh sb="2" eb="4">
      <t>サイシュ</t>
    </rPh>
    <rPh sb="4" eb="6">
      <t>ホウホウ</t>
    </rPh>
    <phoneticPr fontId="2"/>
  </si>
  <si>
    <t>4-10</t>
  </si>
  <si>
    <t>検体採取部位</t>
    <rPh sb="0" eb="2">
      <t>ケンタイ</t>
    </rPh>
    <rPh sb="2" eb="4">
      <t>サイシュ</t>
    </rPh>
    <rPh sb="4" eb="6">
      <t>ブイ</t>
    </rPh>
    <phoneticPr fontId="2"/>
  </si>
  <si>
    <t>□原発巣　　□転移巣　　□不明</t>
    <rPh sb="1" eb="3">
      <t>ゲンパツ</t>
    </rPh>
    <rPh sb="3" eb="4">
      <t>ス</t>
    </rPh>
    <rPh sb="7" eb="9">
      <t>テンイ</t>
    </rPh>
    <rPh sb="13" eb="15">
      <t>フメイ</t>
    </rPh>
    <phoneticPr fontId="2"/>
  </si>
  <si>
    <t>4-11</t>
  </si>
  <si>
    <t>□中枢神経系
□脳
□眼
□口腔
□咽頭
□喉頭
□鼻・副鼻腔
□唾液腺
□甲状腺
□肺
□胸膜
□胸腺</t>
  </si>
  <si>
    <t>□乳
□食道
□胃
□十二指腸乳頭部
□小腸
□虫垂
□大腸
□肝
□胆道
□膵
□腎
□腎盂</t>
  </si>
  <si>
    <t>□副腎
□膀胱
□尿管
□前立腺
□精巣
□陰茎
□子宮体部
□子宮頚部
□卵巣/卵管
□膣
□皮膚
□皮下</t>
  </si>
  <si>
    <t>患者氏名</t>
    <rPh sb="0" eb="2">
      <t>カンジャ</t>
    </rPh>
    <rPh sb="2" eb="4">
      <t>シメイ</t>
    </rPh>
    <phoneticPr fontId="2"/>
  </si>
  <si>
    <t>がん種区分</t>
    <phoneticPr fontId="2"/>
  </si>
  <si>
    <t>1-12</t>
    <phoneticPr fontId="2"/>
  </si>
  <si>
    <t>□皮膚
□骨
□軟部組織
□腹膜
□骨髄系
□リンパ系
□末梢神経系
□その他
   (                          )</t>
    <phoneticPr fontId="2"/>
  </si>
  <si>
    <t>検体情報</t>
    <phoneticPr fontId="2"/>
  </si>
  <si>
    <t>具体的な採取部位(検体採取部位1:原発巣 or 2:転移巣の場合)</t>
    <phoneticPr fontId="2"/>
  </si>
  <si>
    <t>□骨
□筋肉
□軟部組織
□腹膜
□髄膜
□骨髄系
□リンパ系
□末梢神経系
□原発不明
□その他
   (                           )</t>
    <phoneticPr fontId="2"/>
  </si>
  <si>
    <t>□生検　　□手術　　□その他(                                   )　　□不明</t>
    <rPh sb="1" eb="3">
      <t>セイケン</t>
    </rPh>
    <rPh sb="6" eb="8">
      <t>シュジュツ</t>
    </rPh>
    <rPh sb="13" eb="14">
      <t>タ</t>
    </rPh>
    <rPh sb="54" eb="56">
      <t>フメイ</t>
    </rPh>
    <phoneticPr fontId="2"/>
  </si>
  <si>
    <t>回答</t>
    <rPh sb="0" eb="2">
      <t>カイトウ</t>
    </rPh>
    <phoneticPr fontId="2"/>
  </si>
  <si>
    <t>重複がん部位５
（　　　　　　　　　　　　　　　）</t>
    <rPh sb="0" eb="2">
      <t>ジュウフク</t>
    </rPh>
    <rPh sb="4" eb="6">
      <t>ブイ</t>
    </rPh>
    <phoneticPr fontId="2"/>
  </si>
  <si>
    <t>重複がん部位４
（　　　　　　　　　　　　　　）</t>
    <rPh sb="0" eb="2">
      <t>ジュウフク</t>
    </rPh>
    <rPh sb="4" eb="6">
      <t>ブイ</t>
    </rPh>
    <phoneticPr fontId="2"/>
  </si>
  <si>
    <t>重複がん部位３
（　　　　　　　　　　　　　　　）</t>
    <rPh sb="0" eb="2">
      <t>ジュウフク</t>
    </rPh>
    <rPh sb="4" eb="6">
      <t>ブイ</t>
    </rPh>
    <phoneticPr fontId="2"/>
  </si>
  <si>
    <t>重複がん部位２
（　　　　　　　　　　　　　　　）</t>
    <rPh sb="0" eb="2">
      <t>ジュウフク</t>
    </rPh>
    <rPh sb="4" eb="6">
      <t>ブイ</t>
    </rPh>
    <phoneticPr fontId="2"/>
  </si>
  <si>
    <t>重複がん部位１
（　　　　　　　　　　　　　　　）</t>
    <rPh sb="0" eb="2">
      <t>ジュウフク</t>
    </rPh>
    <rPh sb="4" eb="6">
      <t>ブイ</t>
    </rPh>
    <phoneticPr fontId="2"/>
  </si>
  <si>
    <t>□髄膜
□骨髄系
□リンパ系
□末梢神経系
□原発不明
□その他</t>
    <phoneticPr fontId="2"/>
  </si>
  <si>
    <t>　　　　　　　　　　　　 %</t>
    <phoneticPr fontId="2"/>
  </si>
  <si>
    <t>□髄膜
□骨髄系
□リンパ系
□末梢神経系
□原発不明
□その他
　（　　　　　　　　　　　　　）</t>
    <phoneticPr fontId="2"/>
  </si>
  <si>
    <t>6 がん種情報</t>
    <phoneticPr fontId="2"/>
  </si>
  <si>
    <t>がん種区分：肝の場合</t>
    <phoneticPr fontId="2"/>
  </si>
  <si>
    <t>1</t>
    <phoneticPr fontId="2"/>
  </si>
  <si>
    <t>□CR
□PR
□SD
□PD
□NE</t>
    <phoneticPr fontId="2"/>
  </si>
  <si>
    <t>症例基本情報</t>
    <phoneticPr fontId="2"/>
  </si>
  <si>
    <t>大阪市立総合医療センター　がんゲノム医療情報登録用紙</t>
    <rPh sb="0" eb="3">
      <t>オオサカシ</t>
    </rPh>
    <rPh sb="3" eb="4">
      <t>リツ</t>
    </rPh>
    <rPh sb="4" eb="6">
      <t>ソウゴウ</t>
    </rPh>
    <rPh sb="6" eb="8">
      <t>イリョウ</t>
    </rPh>
    <rPh sb="18" eb="20">
      <t>イリョウ</t>
    </rPh>
    <rPh sb="20" eb="22">
      <t>ジョウホウ</t>
    </rPh>
    <rPh sb="22" eb="24">
      <t>トウロク</t>
    </rPh>
    <rPh sb="24" eb="26">
      <t>ヨウシ</t>
    </rPh>
    <phoneticPr fontId="2"/>
  </si>
  <si>
    <t>　　　　　　　　　　　</t>
    <phoneticPr fontId="2"/>
  </si>
  <si>
    <t>　大正・昭和・平成・令和　　　　　年　　　　　月　　　　　日</t>
    <rPh sb="1" eb="3">
      <t>タイショウ</t>
    </rPh>
    <rPh sb="4" eb="6">
      <t>ショウワ</t>
    </rPh>
    <rPh sb="7" eb="9">
      <t>ヘイセイ</t>
    </rPh>
    <rPh sb="10" eb="12">
      <t>レイワ</t>
    </rPh>
    <rPh sb="17" eb="18">
      <t>ネン</t>
    </rPh>
    <rPh sb="23" eb="24">
      <t>ガツ</t>
    </rPh>
    <rPh sb="29" eb="30">
      <t>ヒ</t>
    </rPh>
    <phoneticPr fontId="2"/>
  </si>
  <si>
    <t>　　　　　　　年　　　　月　　　　日　</t>
    <rPh sb="7" eb="8">
      <t>ネン</t>
    </rPh>
    <rPh sb="12" eb="13">
      <t>ガツ</t>
    </rPh>
    <rPh sb="17" eb="18">
      <t>ヒ</t>
    </rPh>
    <phoneticPr fontId="2"/>
  </si>
  <si>
    <t>□中枢神経系/脳
□頭頸部
□眼
□肺
□胸膜
□胸腺
□甲状腺
□乳</t>
    <phoneticPr fontId="2"/>
  </si>
  <si>
    <t>薬物療法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0"/>
      <name val="ＭＳ Ｐゴシック"/>
      <family val="3"/>
      <charset val="128"/>
    </font>
    <font>
      <sz val="11"/>
      <color indexed="8"/>
      <name val="Calibri"/>
      <family val="2"/>
    </font>
    <font>
      <sz val="11"/>
      <color theme="1"/>
      <name val="游ゴシック"/>
      <family val="3"/>
      <charset val="128"/>
      <scheme val="minor"/>
    </font>
    <font>
      <u/>
      <sz val="11"/>
      <color theme="10"/>
      <name val="游ゴシック"/>
      <family val="2"/>
      <charset val="128"/>
      <scheme val="minor"/>
    </font>
    <font>
      <u/>
      <sz val="11"/>
      <color theme="11"/>
      <name val="游ゴシック"/>
      <family val="2"/>
      <charset val="128"/>
      <scheme val="minor"/>
    </font>
    <font>
      <sz val="11"/>
      <color theme="1"/>
      <name val="Meiryo UI"/>
      <family val="3"/>
      <charset val="128"/>
    </font>
    <font>
      <b/>
      <sz val="11"/>
      <color theme="1"/>
      <name val="Meiryo UI"/>
      <family val="3"/>
      <charset val="128"/>
    </font>
    <font>
      <sz val="11"/>
      <name val="Meiryo UI"/>
      <family val="3"/>
      <charset val="128"/>
    </font>
    <font>
      <u/>
      <sz val="11"/>
      <color rgb="FF0000CC"/>
      <name val="Meiryo UI"/>
      <family val="3"/>
      <charset val="128"/>
    </font>
    <font>
      <u/>
      <sz val="11"/>
      <name val="Meiryo UI"/>
      <family val="3"/>
      <charset val="128"/>
    </font>
    <font>
      <sz val="11"/>
      <color rgb="FF000000"/>
      <name val="Meiryo UI"/>
      <family val="3"/>
      <charset val="128"/>
    </font>
    <font>
      <b/>
      <sz val="11"/>
      <name val="Meiryo UI"/>
      <family val="3"/>
      <charset val="128"/>
    </font>
    <font>
      <b/>
      <sz val="11"/>
      <color theme="1"/>
      <name val="游ゴシック"/>
      <family val="3"/>
      <charset val="128"/>
      <scheme val="minor"/>
    </font>
    <font>
      <sz val="16"/>
      <color theme="1"/>
      <name val="游ゴシック"/>
      <family val="3"/>
      <charset val="128"/>
      <scheme val="minor"/>
    </font>
    <font>
      <b/>
      <sz val="16"/>
      <color theme="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4" tint="0.79998168889431442"/>
        <bgColor indexed="64"/>
      </patternFill>
    </fill>
  </fills>
  <borders count="1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</borders>
  <cellStyleXfs count="13">
    <xf numFmtId="0" fontId="0" fillId="0" borderId="0">
      <alignment vertical="center"/>
    </xf>
    <xf numFmtId="0" fontId="1" fillId="0" borderId="0"/>
    <xf numFmtId="0" fontId="3" fillId="0" borderId="0"/>
    <xf numFmtId="0" fontId="4" fillId="0" borderId="0"/>
    <xf numFmtId="0" fontId="5" fillId="0" borderId="0"/>
    <xf numFmtId="0" fontId="6" fillId="0" borderId="0" applyNumberFormat="0" applyFill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center"/>
    </xf>
  </cellStyleXfs>
  <cellXfs count="93">
    <xf numFmtId="0" fontId="0" fillId="0" borderId="0" xfId="0">
      <alignment vertical="center"/>
    </xf>
    <xf numFmtId="0" fontId="0" fillId="0" borderId="0" xfId="0">
      <alignment vertical="center"/>
    </xf>
    <xf numFmtId="0" fontId="8" fillId="0" borderId="0" xfId="1" applyFont="1" applyFill="1" applyBorder="1" applyAlignment="1">
      <alignment horizontal="left" vertical="top" wrapText="1"/>
    </xf>
    <xf numFmtId="0" fontId="8" fillId="0" borderId="0" xfId="0" applyFont="1">
      <alignment vertical="center"/>
    </xf>
    <xf numFmtId="0" fontId="8" fillId="0" borderId="11" xfId="1" applyFont="1" applyFill="1" applyBorder="1" applyAlignment="1">
      <alignment vertical="top"/>
    </xf>
    <xf numFmtId="0" fontId="8" fillId="0" borderId="5" xfId="0" applyFont="1" applyBorder="1" applyAlignment="1">
      <alignment vertical="top"/>
    </xf>
    <xf numFmtId="0" fontId="8" fillId="3" borderId="1" xfId="1" applyFont="1" applyFill="1" applyBorder="1" applyAlignment="1">
      <alignment horizontal="left" vertical="top" wrapText="1"/>
    </xf>
    <xf numFmtId="0" fontId="10" fillId="3" borderId="1" xfId="1" applyFont="1" applyFill="1" applyBorder="1" applyAlignment="1">
      <alignment horizontal="left" vertical="top" wrapText="1"/>
    </xf>
    <xf numFmtId="0" fontId="8" fillId="0" borderId="0" xfId="0" applyFont="1" applyBorder="1" applyAlignment="1">
      <alignment vertical="top"/>
    </xf>
    <xf numFmtId="49" fontId="8" fillId="3" borderId="1" xfId="1" applyNumberFormat="1" applyFont="1" applyFill="1" applyBorder="1" applyAlignment="1">
      <alignment horizontal="left" vertical="top" wrapText="1"/>
    </xf>
    <xf numFmtId="0" fontId="8" fillId="3" borderId="1" xfId="0" applyFont="1" applyFill="1" applyBorder="1" applyAlignment="1">
      <alignment horizontal="center" vertical="top"/>
    </xf>
    <xf numFmtId="0" fontId="10" fillId="3" borderId="1" xfId="1" applyFont="1" applyFill="1" applyBorder="1" applyAlignment="1">
      <alignment horizontal="left" vertical="top" wrapText="1"/>
    </xf>
    <xf numFmtId="0" fontId="8" fillId="3" borderId="1" xfId="1" applyFont="1" applyFill="1" applyBorder="1" applyAlignment="1">
      <alignment horizontal="left" vertical="top" wrapText="1"/>
    </xf>
    <xf numFmtId="0" fontId="0" fillId="0" borderId="0" xfId="0">
      <alignment vertical="center"/>
    </xf>
    <xf numFmtId="0" fontId="8" fillId="0" borderId="1" xfId="1" applyFont="1" applyFill="1" applyBorder="1" applyAlignment="1">
      <alignment horizontal="left" vertical="top" wrapText="1"/>
    </xf>
    <xf numFmtId="0" fontId="10" fillId="0" borderId="1" xfId="1" applyFont="1" applyFill="1" applyBorder="1" applyAlignment="1">
      <alignment horizontal="left" vertical="top" wrapText="1"/>
    </xf>
    <xf numFmtId="0" fontId="10" fillId="0" borderId="0" xfId="1" applyFont="1" applyFill="1" applyBorder="1" applyAlignment="1">
      <alignment horizontal="left" vertical="top" wrapText="1"/>
    </xf>
    <xf numFmtId="0" fontId="15" fillId="0" borderId="0" xfId="0" applyFont="1">
      <alignment vertical="center"/>
    </xf>
    <xf numFmtId="0" fontId="8" fillId="0" borderId="1" xfId="1" applyFont="1" applyFill="1" applyBorder="1" applyAlignment="1" applyProtection="1">
      <alignment horizontal="left" vertical="top" wrapText="1"/>
      <protection locked="0"/>
    </xf>
    <xf numFmtId="0" fontId="10" fillId="0" borderId="1" xfId="1" applyFont="1" applyFill="1" applyBorder="1" applyAlignment="1" applyProtection="1">
      <alignment horizontal="left" vertical="top" wrapText="1"/>
      <protection locked="0"/>
    </xf>
    <xf numFmtId="49" fontId="14" fillId="2" borderId="1" xfId="1" applyNumberFormat="1" applyFont="1" applyFill="1" applyBorder="1" applyAlignment="1" applyProtection="1">
      <alignment horizontal="center" vertical="center" wrapText="1"/>
    </xf>
    <xf numFmtId="0" fontId="9" fillId="2" borderId="3" xfId="1" applyFont="1" applyFill="1" applyBorder="1" applyAlignment="1" applyProtection="1">
      <alignment horizontal="center" vertical="center" wrapText="1"/>
    </xf>
    <xf numFmtId="0" fontId="9" fillId="2" borderId="1" xfId="1" applyFont="1" applyFill="1" applyBorder="1" applyAlignment="1" applyProtection="1">
      <alignment horizontal="center" vertical="center" wrapText="1"/>
    </xf>
    <xf numFmtId="49" fontId="10" fillId="0" borderId="1" xfId="1" applyNumberFormat="1" applyFont="1" applyFill="1" applyBorder="1" applyAlignment="1" applyProtection="1">
      <alignment horizontal="left" vertical="top" wrapText="1"/>
    </xf>
    <xf numFmtId="0" fontId="8" fillId="0" borderId="1" xfId="1" applyFont="1" applyFill="1" applyBorder="1" applyAlignment="1" applyProtection="1">
      <alignment horizontal="left" vertical="top" wrapText="1"/>
    </xf>
    <xf numFmtId="0" fontId="8" fillId="3" borderId="1" xfId="1" applyFont="1" applyFill="1" applyBorder="1" applyAlignment="1" applyProtection="1">
      <alignment horizontal="left" vertical="top" wrapText="1"/>
    </xf>
    <xf numFmtId="0" fontId="8" fillId="0" borderId="10" xfId="0" applyFont="1" applyBorder="1" applyAlignment="1" applyProtection="1">
      <alignment horizontal="left" vertical="top" wrapText="1"/>
    </xf>
    <xf numFmtId="0" fontId="10" fillId="3" borderId="1" xfId="1" applyFont="1" applyFill="1" applyBorder="1" applyAlignment="1" applyProtection="1">
      <alignment horizontal="left" vertical="top" wrapText="1"/>
    </xf>
    <xf numFmtId="0" fontId="10" fillId="0" borderId="1" xfId="1" applyFont="1" applyFill="1" applyBorder="1" applyAlignment="1" applyProtection="1">
      <alignment horizontal="left" vertical="top" wrapText="1"/>
    </xf>
    <xf numFmtId="49" fontId="8" fillId="0" borderId="1" xfId="1" applyNumberFormat="1" applyFont="1" applyFill="1" applyBorder="1" applyAlignment="1" applyProtection="1">
      <alignment horizontal="left" vertical="top" wrapText="1"/>
    </xf>
    <xf numFmtId="49" fontId="13" fillId="0" borderId="1" xfId="1" applyNumberFormat="1" applyFont="1" applyFill="1" applyBorder="1" applyAlignment="1" applyProtection="1">
      <alignment horizontal="left" vertical="top" wrapText="1"/>
    </xf>
    <xf numFmtId="49" fontId="8" fillId="0" borderId="7" xfId="1" applyNumberFormat="1" applyFont="1" applyFill="1" applyBorder="1" applyAlignment="1" applyProtection="1">
      <alignment horizontal="left" vertical="top" wrapText="1"/>
    </xf>
    <xf numFmtId="49" fontId="8" fillId="0" borderId="7" xfId="1" applyNumberFormat="1" applyFont="1" applyFill="1" applyBorder="1" applyAlignment="1" applyProtection="1">
      <alignment vertical="top" wrapText="1"/>
    </xf>
    <xf numFmtId="0" fontId="0" fillId="0" borderId="6" xfId="0" applyBorder="1" applyAlignment="1" applyProtection="1">
      <alignment vertical="top" wrapText="1"/>
    </xf>
    <xf numFmtId="0" fontId="10" fillId="3" borderId="7" xfId="1" applyFont="1" applyFill="1" applyBorder="1" applyAlignment="1" applyProtection="1">
      <alignment horizontal="left" vertical="top" wrapText="1"/>
    </xf>
    <xf numFmtId="0" fontId="0" fillId="0" borderId="0" xfId="0" applyProtection="1">
      <alignment vertical="center"/>
    </xf>
    <xf numFmtId="0" fontId="10" fillId="0" borderId="4" xfId="1" applyFont="1" applyFill="1" applyBorder="1" applyAlignment="1" applyProtection="1">
      <alignment horizontal="left" vertical="center" wrapText="1"/>
      <protection locked="0"/>
    </xf>
    <xf numFmtId="0" fontId="10" fillId="0" borderId="3" xfId="1" applyFont="1" applyFill="1" applyBorder="1" applyAlignment="1" applyProtection="1">
      <alignment horizontal="left" vertical="center" wrapText="1"/>
      <protection locked="0"/>
    </xf>
    <xf numFmtId="0" fontId="0" fillId="0" borderId="2" xfId="0" applyBorder="1" applyProtection="1">
      <alignment vertical="center"/>
      <protection locked="0"/>
    </xf>
    <xf numFmtId="0" fontId="10" fillId="0" borderId="4" xfId="1" applyFont="1" applyFill="1" applyBorder="1" applyAlignment="1" applyProtection="1">
      <alignment vertical="center" wrapText="1"/>
      <protection locked="0"/>
    </xf>
    <xf numFmtId="0" fontId="10" fillId="0" borderId="3" xfId="1" applyFont="1" applyFill="1" applyBorder="1" applyAlignment="1" applyProtection="1">
      <alignment vertical="center" wrapText="1"/>
      <protection locked="0"/>
    </xf>
    <xf numFmtId="0" fontId="10" fillId="0" borderId="10" xfId="1" applyFont="1" applyFill="1" applyBorder="1" applyAlignment="1" applyProtection="1">
      <alignment vertical="top" wrapText="1"/>
      <protection locked="0"/>
    </xf>
    <xf numFmtId="0" fontId="10" fillId="0" borderId="8" xfId="1" applyFont="1" applyFill="1" applyBorder="1" applyAlignment="1" applyProtection="1">
      <alignment vertical="top" wrapText="1"/>
      <protection locked="0"/>
    </xf>
    <xf numFmtId="0" fontId="8" fillId="0" borderId="8" xfId="1" applyFont="1" applyFill="1" applyBorder="1" applyAlignment="1" applyProtection="1">
      <alignment vertical="top" wrapText="1"/>
      <protection locked="0"/>
    </xf>
    <xf numFmtId="0" fontId="10" fillId="0" borderId="9" xfId="1" applyFont="1" applyFill="1" applyBorder="1" applyAlignment="1" applyProtection="1">
      <alignment vertical="top" wrapText="1"/>
      <protection locked="0"/>
    </xf>
    <xf numFmtId="0" fontId="8" fillId="0" borderId="6" xfId="1" applyFont="1" applyFill="1" applyBorder="1" applyAlignment="1" applyProtection="1">
      <alignment horizontal="left" vertical="top" wrapText="1"/>
      <protection locked="0"/>
    </xf>
    <xf numFmtId="0" fontId="8" fillId="0" borderId="1" xfId="1" applyFont="1" applyFill="1" applyBorder="1" applyAlignment="1" applyProtection="1">
      <alignment horizontal="left" vertical="center" wrapText="1"/>
      <protection locked="0"/>
    </xf>
    <xf numFmtId="0" fontId="10" fillId="0" borderId="1" xfId="1" applyFont="1" applyFill="1" applyBorder="1" applyAlignment="1" applyProtection="1">
      <alignment horizontal="left" vertical="center" wrapText="1"/>
      <protection locked="0"/>
    </xf>
    <xf numFmtId="49" fontId="10" fillId="0" borderId="7" xfId="1" applyNumberFormat="1" applyFont="1" applyFill="1" applyBorder="1" applyAlignment="1" applyProtection="1">
      <alignment vertical="top" wrapText="1"/>
    </xf>
    <xf numFmtId="0" fontId="8" fillId="3" borderId="6" xfId="0" applyFont="1" applyFill="1" applyBorder="1" applyAlignment="1">
      <alignment horizontal="center" vertical="top"/>
    </xf>
    <xf numFmtId="0" fontId="8" fillId="0" borderId="13" xfId="1" applyFont="1" applyFill="1" applyBorder="1" applyAlignment="1">
      <alignment horizontal="left" vertical="top" wrapText="1"/>
    </xf>
    <xf numFmtId="0" fontId="17" fillId="0" borderId="0" xfId="0" applyFont="1" applyAlignment="1" applyProtection="1">
      <alignment horizontal="center" vertical="center"/>
    </xf>
    <xf numFmtId="0" fontId="16" fillId="0" borderId="0" xfId="0" applyFont="1" applyAlignment="1" applyProtection="1">
      <alignment horizontal="center" vertical="center"/>
    </xf>
    <xf numFmtId="49" fontId="8" fillId="0" borderId="7" xfId="1" applyNumberFormat="1" applyFont="1" applyFill="1" applyBorder="1" applyAlignment="1" applyProtection="1">
      <alignment horizontal="left" vertical="top" wrapText="1"/>
    </xf>
    <xf numFmtId="49" fontId="8" fillId="0" borderId="12" xfId="1" applyNumberFormat="1" applyFont="1" applyFill="1" applyBorder="1" applyAlignment="1" applyProtection="1">
      <alignment horizontal="left" vertical="top" wrapText="1"/>
    </xf>
    <xf numFmtId="49" fontId="8" fillId="0" borderId="6" xfId="1" applyNumberFormat="1" applyFont="1" applyFill="1" applyBorder="1" applyAlignment="1" applyProtection="1">
      <alignment horizontal="left" vertical="top" wrapText="1"/>
    </xf>
    <xf numFmtId="0" fontId="0" fillId="0" borderId="4" xfId="0" applyBorder="1" applyAlignment="1" applyProtection="1">
      <alignment horizontal="left" vertical="center"/>
      <protection locked="0"/>
    </xf>
    <xf numFmtId="0" fontId="0" fillId="0" borderId="3" xfId="0" applyBorder="1" applyAlignment="1" applyProtection="1">
      <alignment horizontal="left" vertical="center"/>
      <protection locked="0"/>
    </xf>
    <xf numFmtId="0" fontId="0" fillId="0" borderId="2" xfId="0" applyBorder="1" applyAlignment="1" applyProtection="1">
      <alignment horizontal="left" vertical="center"/>
      <protection locked="0"/>
    </xf>
    <xf numFmtId="0" fontId="10" fillId="0" borderId="4" xfId="1" applyFont="1" applyFill="1" applyBorder="1" applyAlignment="1" applyProtection="1">
      <alignment horizontal="left" vertical="top" wrapText="1"/>
      <protection locked="0"/>
    </xf>
    <xf numFmtId="0" fontId="10" fillId="0" borderId="3" xfId="1" applyFont="1" applyFill="1" applyBorder="1" applyAlignment="1" applyProtection="1">
      <alignment horizontal="left" vertical="top" wrapText="1"/>
      <protection locked="0"/>
    </xf>
    <xf numFmtId="0" fontId="10" fillId="0" borderId="2" xfId="1" applyFont="1" applyFill="1" applyBorder="1" applyAlignment="1" applyProtection="1">
      <alignment horizontal="left" vertical="top" wrapText="1"/>
      <protection locked="0"/>
    </xf>
    <xf numFmtId="0" fontId="8" fillId="3" borderId="7" xfId="1" applyFont="1" applyFill="1" applyBorder="1" applyAlignment="1" applyProtection="1">
      <alignment horizontal="left" vertical="top" wrapText="1"/>
    </xf>
    <xf numFmtId="0" fontId="8" fillId="3" borderId="6" xfId="1" applyFont="1" applyFill="1" applyBorder="1" applyAlignment="1" applyProtection="1">
      <alignment horizontal="left" vertical="top" wrapText="1"/>
    </xf>
    <xf numFmtId="0" fontId="8" fillId="0" borderId="7" xfId="1" applyFont="1" applyFill="1" applyBorder="1" applyAlignment="1" applyProtection="1">
      <alignment horizontal="left" vertical="top" wrapText="1"/>
    </xf>
    <xf numFmtId="0" fontId="8" fillId="0" borderId="12" xfId="1" applyFont="1" applyFill="1" applyBorder="1" applyAlignment="1" applyProtection="1">
      <alignment horizontal="left" vertical="top" wrapText="1"/>
    </xf>
    <xf numFmtId="0" fontId="8" fillId="0" borderId="6" xfId="1" applyFont="1" applyFill="1" applyBorder="1" applyAlignment="1" applyProtection="1">
      <alignment horizontal="left" vertical="top" wrapText="1"/>
    </xf>
    <xf numFmtId="0" fontId="8" fillId="3" borderId="12" xfId="1" applyFont="1" applyFill="1" applyBorder="1" applyAlignment="1" applyProtection="1">
      <alignment horizontal="left" vertical="top" wrapText="1"/>
    </xf>
    <xf numFmtId="49" fontId="10" fillId="3" borderId="7" xfId="1" applyNumberFormat="1" applyFont="1" applyFill="1" applyBorder="1" applyAlignment="1" applyProtection="1">
      <alignment horizontal="left" vertical="top" wrapText="1"/>
    </xf>
    <xf numFmtId="49" fontId="10" fillId="3" borderId="12" xfId="1" applyNumberFormat="1" applyFont="1" applyFill="1" applyBorder="1" applyAlignment="1" applyProtection="1">
      <alignment horizontal="left" vertical="top" wrapText="1"/>
    </xf>
    <xf numFmtId="49" fontId="10" fillId="3" borderId="6" xfId="1" applyNumberFormat="1" applyFont="1" applyFill="1" applyBorder="1" applyAlignment="1" applyProtection="1">
      <alignment horizontal="left" vertical="top" wrapText="1"/>
    </xf>
    <xf numFmtId="0" fontId="0" fillId="0" borderId="12" xfId="0" applyBorder="1" applyAlignment="1" applyProtection="1">
      <alignment horizontal="left" vertical="top" wrapText="1"/>
    </xf>
    <xf numFmtId="0" fontId="0" fillId="0" borderId="6" xfId="0" applyBorder="1" applyAlignment="1" applyProtection="1">
      <alignment horizontal="left" vertical="top" wrapText="1"/>
    </xf>
    <xf numFmtId="0" fontId="10" fillId="3" borderId="1" xfId="1" applyFont="1" applyFill="1" applyBorder="1" applyAlignment="1" applyProtection="1">
      <alignment horizontal="left" vertical="top" wrapText="1"/>
    </xf>
    <xf numFmtId="0" fontId="8" fillId="3" borderId="1" xfId="1" applyFont="1" applyFill="1" applyBorder="1" applyAlignment="1" applyProtection="1">
      <alignment horizontal="left" vertical="top" wrapText="1"/>
    </xf>
    <xf numFmtId="0" fontId="8" fillId="0" borderId="4" xfId="1" applyFont="1" applyFill="1" applyBorder="1" applyAlignment="1" applyProtection="1">
      <alignment horizontal="left" vertical="center" wrapText="1"/>
      <protection locked="0"/>
    </xf>
    <xf numFmtId="0" fontId="8" fillId="0" borderId="3" xfId="1" applyFont="1" applyFill="1" applyBorder="1" applyAlignment="1" applyProtection="1">
      <alignment horizontal="left" vertical="center" wrapText="1"/>
      <protection locked="0"/>
    </xf>
    <xf numFmtId="0" fontId="8" fillId="0" borderId="2" xfId="1" applyFont="1" applyFill="1" applyBorder="1" applyAlignment="1" applyProtection="1">
      <alignment horizontal="left" vertical="center" wrapText="1"/>
      <protection locked="0"/>
    </xf>
    <xf numFmtId="49" fontId="10" fillId="0" borderId="7" xfId="1" applyNumberFormat="1" applyFont="1" applyFill="1" applyBorder="1" applyAlignment="1" applyProtection="1">
      <alignment horizontal="left" vertical="top" wrapText="1"/>
    </xf>
    <xf numFmtId="0" fontId="10" fillId="0" borderId="7" xfId="1" applyFont="1" applyFill="1" applyBorder="1" applyAlignment="1" applyProtection="1">
      <alignment horizontal="left" vertical="top"/>
    </xf>
    <xf numFmtId="0" fontId="10" fillId="0" borderId="12" xfId="1" applyFont="1" applyFill="1" applyBorder="1" applyAlignment="1" applyProtection="1">
      <alignment horizontal="left" vertical="top"/>
    </xf>
    <xf numFmtId="0" fontId="10" fillId="0" borderId="6" xfId="1" applyFont="1" applyFill="1" applyBorder="1" applyAlignment="1" applyProtection="1">
      <alignment horizontal="left" vertical="top"/>
    </xf>
    <xf numFmtId="0" fontId="9" fillId="2" borderId="4" xfId="1" applyFont="1" applyFill="1" applyBorder="1" applyAlignment="1">
      <alignment horizontal="center" vertical="center" wrapText="1"/>
    </xf>
    <xf numFmtId="0" fontId="9" fillId="2" borderId="3" xfId="1" applyFont="1" applyFill="1" applyBorder="1" applyAlignment="1">
      <alignment horizontal="center" vertical="center" wrapText="1"/>
    </xf>
    <xf numFmtId="0" fontId="9" fillId="2" borderId="2" xfId="1" applyFont="1" applyFill="1" applyBorder="1" applyAlignment="1">
      <alignment horizontal="center" vertical="center" wrapText="1"/>
    </xf>
    <xf numFmtId="0" fontId="11" fillId="0" borderId="4" xfId="1" applyFont="1" applyFill="1" applyBorder="1" applyAlignment="1" applyProtection="1">
      <alignment horizontal="left" vertical="top"/>
      <protection locked="0"/>
    </xf>
    <xf numFmtId="0" fontId="11" fillId="0" borderId="3" xfId="1" applyFont="1" applyFill="1" applyBorder="1" applyAlignment="1" applyProtection="1">
      <alignment horizontal="left" vertical="top"/>
      <protection locked="0"/>
    </xf>
    <xf numFmtId="0" fontId="11" fillId="0" borderId="2" xfId="1" applyFont="1" applyFill="1" applyBorder="1" applyAlignment="1" applyProtection="1">
      <alignment horizontal="left" vertical="top"/>
      <protection locked="0"/>
    </xf>
    <xf numFmtId="0" fontId="10" fillId="0" borderId="4" xfId="1" applyFont="1" applyFill="1" applyBorder="1" applyAlignment="1" applyProtection="1">
      <alignment horizontal="left" vertical="top"/>
      <protection locked="0"/>
    </xf>
    <xf numFmtId="0" fontId="12" fillId="0" borderId="3" xfId="1" applyFont="1" applyFill="1" applyBorder="1" applyAlignment="1" applyProtection="1">
      <alignment horizontal="left" vertical="top"/>
      <protection locked="0"/>
    </xf>
    <xf numFmtId="0" fontId="12" fillId="0" borderId="2" xfId="1" applyFont="1" applyFill="1" applyBorder="1" applyAlignment="1" applyProtection="1">
      <alignment horizontal="left" vertical="top"/>
      <protection locked="0"/>
    </xf>
    <xf numFmtId="49" fontId="10" fillId="0" borderId="12" xfId="1" applyNumberFormat="1" applyFont="1" applyFill="1" applyBorder="1" applyAlignment="1" applyProtection="1">
      <alignment horizontal="left" vertical="top" wrapText="1"/>
    </xf>
    <xf numFmtId="49" fontId="10" fillId="0" borderId="6" xfId="1" applyNumberFormat="1" applyFont="1" applyFill="1" applyBorder="1" applyAlignment="1" applyProtection="1">
      <alignment horizontal="left" vertical="top" wrapText="1"/>
    </xf>
  </cellXfs>
  <cellStyles count="13">
    <cellStyle name="ハイパーリンク" xfId="5" builtinId="8" hidden="1"/>
    <cellStyle name="ハイパーリンク" xfId="7" builtinId="8" hidden="1"/>
    <cellStyle name="ハイパーリンク" xfId="9" builtinId="8" hidden="1"/>
    <cellStyle name="ハイパーリンク" xfId="11" builtinId="8" hidden="1"/>
    <cellStyle name="標準" xfId="0" builtinId="0"/>
    <cellStyle name="標準 11" xfId="4"/>
    <cellStyle name="標準 2" xfId="1"/>
    <cellStyle name="標準 2 2" xfId="3"/>
    <cellStyle name="標準 4" xfId="2"/>
    <cellStyle name="表示済みのハイパーリンク" xfId="6" builtinId="9" hidden="1"/>
    <cellStyle name="表示済みのハイパーリンク" xfId="8" builtinId="9" hidden="1"/>
    <cellStyle name="表示済みのハイパーリンク" xfId="10" builtinId="9" hidden="1"/>
    <cellStyle name="表示済みのハイパーリンク" xfId="12" builtinId="9" hidden="1"/>
  </cellStyles>
  <dxfs count="0"/>
  <tableStyles count="0" defaultTableStyle="TableStyleMedium2" defaultPivotStyle="PivotStyleLight16"/>
  <colors>
    <mruColors>
      <color rgb="FF0000CC"/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55"/>
  <sheetViews>
    <sheetView tabSelected="1" view="pageLayout" topLeftCell="C1" zoomScaleNormal="75" workbookViewId="0">
      <selection activeCell="E7" sqref="E7"/>
    </sheetView>
  </sheetViews>
  <sheetFormatPr defaultRowHeight="18.75" x14ac:dyDescent="0.4"/>
  <cols>
    <col min="1" max="1" width="8.625" style="35" bestFit="1" customWidth="1"/>
    <col min="2" max="2" width="20" style="35" customWidth="1"/>
    <col min="3" max="3" width="33.125" style="35" bestFit="1" customWidth="1"/>
    <col min="4" max="8" width="23.375" customWidth="1"/>
    <col min="9" max="9" width="16.875" customWidth="1"/>
  </cols>
  <sheetData>
    <row r="1" spans="1:11" s="13" customFormat="1" ht="30" customHeight="1" x14ac:dyDescent="0.4">
      <c r="A1" s="51" t="s">
        <v>161</v>
      </c>
      <c r="B1" s="52"/>
      <c r="C1" s="52"/>
      <c r="D1" s="52"/>
      <c r="E1" s="52"/>
      <c r="F1" s="52"/>
      <c r="G1" s="52"/>
      <c r="H1" s="52"/>
    </row>
    <row r="2" spans="1:11" s="1" customFormat="1" x14ac:dyDescent="0.4">
      <c r="A2" s="20" t="s">
        <v>123</v>
      </c>
      <c r="B2" s="21" t="s">
        <v>0</v>
      </c>
      <c r="C2" s="22" t="s">
        <v>1</v>
      </c>
      <c r="D2" s="82" t="s">
        <v>147</v>
      </c>
      <c r="E2" s="83"/>
      <c r="F2" s="83"/>
      <c r="G2" s="83"/>
      <c r="H2" s="84"/>
    </row>
    <row r="3" spans="1:11" s="1" customFormat="1" ht="21" customHeight="1" x14ac:dyDescent="0.4">
      <c r="A3" s="23" t="s">
        <v>158</v>
      </c>
      <c r="B3" s="48"/>
      <c r="C3" s="24" t="s">
        <v>139</v>
      </c>
      <c r="D3" s="85"/>
      <c r="E3" s="86"/>
      <c r="F3" s="86"/>
      <c r="G3" s="86"/>
      <c r="H3" s="87"/>
    </row>
    <row r="4" spans="1:11" s="1" customFormat="1" ht="21" customHeight="1" x14ac:dyDescent="0.4">
      <c r="A4" s="23" t="s">
        <v>124</v>
      </c>
      <c r="B4" s="91" t="s">
        <v>160</v>
      </c>
      <c r="C4" s="25" t="s">
        <v>3</v>
      </c>
      <c r="D4" s="85"/>
      <c r="E4" s="86"/>
      <c r="F4" s="86"/>
      <c r="G4" s="86"/>
      <c r="H4" s="87"/>
    </row>
    <row r="5" spans="1:11" s="1" customFormat="1" ht="21" customHeight="1" x14ac:dyDescent="0.4">
      <c r="A5" s="23" t="s">
        <v>125</v>
      </c>
      <c r="B5" s="91"/>
      <c r="C5" s="24" t="s">
        <v>4</v>
      </c>
      <c r="D5" s="56" t="s">
        <v>163</v>
      </c>
      <c r="E5" s="57"/>
      <c r="F5" s="57"/>
      <c r="G5" s="57"/>
      <c r="H5" s="58"/>
    </row>
    <row r="6" spans="1:11" s="1" customFormat="1" ht="21" customHeight="1" x14ac:dyDescent="0.4">
      <c r="A6" s="23" t="s">
        <v>126</v>
      </c>
      <c r="B6" s="91"/>
      <c r="C6" s="25" t="s">
        <v>5</v>
      </c>
      <c r="D6" s="88" t="s">
        <v>162</v>
      </c>
      <c r="E6" s="89"/>
      <c r="F6" s="89"/>
      <c r="G6" s="89"/>
      <c r="H6" s="90"/>
    </row>
    <row r="7" spans="1:11" s="1" customFormat="1" ht="151.5" customHeight="1" x14ac:dyDescent="0.4">
      <c r="A7" s="23" t="s">
        <v>141</v>
      </c>
      <c r="B7" s="92"/>
      <c r="C7" s="26" t="s">
        <v>140</v>
      </c>
      <c r="D7" s="36" t="s">
        <v>165</v>
      </c>
      <c r="E7" s="37" t="s">
        <v>127</v>
      </c>
      <c r="F7" s="37" t="s">
        <v>128</v>
      </c>
      <c r="G7" s="37" t="s">
        <v>142</v>
      </c>
      <c r="H7" s="38"/>
      <c r="K7" s="17"/>
    </row>
    <row r="8" spans="1:11" s="1" customFormat="1" ht="21" customHeight="1" x14ac:dyDescent="0.4">
      <c r="A8" s="23" t="s">
        <v>129</v>
      </c>
      <c r="B8" s="68" t="s">
        <v>143</v>
      </c>
      <c r="C8" s="27" t="s">
        <v>6</v>
      </c>
      <c r="D8" s="59" t="s">
        <v>164</v>
      </c>
      <c r="E8" s="60"/>
      <c r="F8" s="60"/>
      <c r="G8" s="60"/>
      <c r="H8" s="61"/>
    </row>
    <row r="9" spans="1:11" s="1" customFormat="1" ht="21" customHeight="1" x14ac:dyDescent="0.4">
      <c r="A9" s="23" t="s">
        <v>130</v>
      </c>
      <c r="B9" s="69"/>
      <c r="C9" s="28" t="s">
        <v>131</v>
      </c>
      <c r="D9" s="59" t="s">
        <v>146</v>
      </c>
      <c r="E9" s="60"/>
      <c r="F9" s="60"/>
      <c r="G9" s="60"/>
      <c r="H9" s="61"/>
    </row>
    <row r="10" spans="1:11" s="1" customFormat="1" ht="21" customHeight="1" x14ac:dyDescent="0.4">
      <c r="A10" s="23" t="s">
        <v>132</v>
      </c>
      <c r="B10" s="69"/>
      <c r="C10" s="27" t="s">
        <v>133</v>
      </c>
      <c r="D10" s="59" t="s">
        <v>134</v>
      </c>
      <c r="E10" s="60"/>
      <c r="F10" s="60"/>
      <c r="G10" s="60"/>
      <c r="H10" s="61"/>
    </row>
    <row r="11" spans="1:11" s="1" customFormat="1" ht="219" customHeight="1" x14ac:dyDescent="0.4">
      <c r="A11" s="23" t="s">
        <v>135</v>
      </c>
      <c r="B11" s="70"/>
      <c r="C11" s="26" t="s">
        <v>144</v>
      </c>
      <c r="D11" s="39" t="s">
        <v>136</v>
      </c>
      <c r="E11" s="40" t="s">
        <v>137</v>
      </c>
      <c r="F11" s="40" t="s">
        <v>138</v>
      </c>
      <c r="G11" s="40" t="s">
        <v>145</v>
      </c>
      <c r="H11" s="38"/>
    </row>
    <row r="12" spans="1:11" ht="21" customHeight="1" x14ac:dyDescent="0.4">
      <c r="A12" s="23" t="s">
        <v>7</v>
      </c>
      <c r="B12" s="64" t="s">
        <v>9</v>
      </c>
      <c r="C12" s="27" t="s">
        <v>8</v>
      </c>
      <c r="D12" s="59"/>
      <c r="E12" s="60"/>
      <c r="F12" s="60"/>
      <c r="G12" s="60"/>
      <c r="H12" s="61"/>
    </row>
    <row r="13" spans="1:11" ht="21" customHeight="1" x14ac:dyDescent="0.4">
      <c r="A13" s="23" t="s">
        <v>11</v>
      </c>
      <c r="B13" s="65"/>
      <c r="C13" s="28" t="s">
        <v>12</v>
      </c>
      <c r="D13" s="59" t="s">
        <v>106</v>
      </c>
      <c r="E13" s="60"/>
      <c r="F13" s="60"/>
      <c r="G13" s="60"/>
      <c r="H13" s="61" t="s">
        <v>10</v>
      </c>
    </row>
    <row r="14" spans="1:11" ht="21" customHeight="1" x14ac:dyDescent="0.4">
      <c r="A14" s="29" t="s">
        <v>13</v>
      </c>
      <c r="B14" s="65"/>
      <c r="C14" s="25" t="s">
        <v>14</v>
      </c>
      <c r="D14" s="59" t="s">
        <v>15</v>
      </c>
      <c r="E14" s="60"/>
      <c r="F14" s="60"/>
      <c r="G14" s="60"/>
      <c r="H14" s="61" t="s">
        <v>2</v>
      </c>
    </row>
    <row r="15" spans="1:11" ht="21" customHeight="1" x14ac:dyDescent="0.4">
      <c r="A15" s="30" t="s">
        <v>16</v>
      </c>
      <c r="B15" s="66"/>
      <c r="C15" s="28" t="s">
        <v>17</v>
      </c>
      <c r="D15" s="59" t="s">
        <v>18</v>
      </c>
      <c r="E15" s="60"/>
      <c r="F15" s="60"/>
      <c r="G15" s="60"/>
      <c r="H15" s="61" t="s">
        <v>10</v>
      </c>
    </row>
    <row r="16" spans="1:11" ht="21" customHeight="1" x14ac:dyDescent="0.4">
      <c r="A16" s="30" t="s">
        <v>19</v>
      </c>
      <c r="B16" s="62" t="s">
        <v>22</v>
      </c>
      <c r="C16" s="27" t="s">
        <v>20</v>
      </c>
      <c r="D16" s="59" t="s">
        <v>21</v>
      </c>
      <c r="E16" s="60"/>
      <c r="F16" s="60"/>
      <c r="G16" s="60"/>
      <c r="H16" s="61" t="s">
        <v>10</v>
      </c>
    </row>
    <row r="17" spans="1:10" ht="172.5" customHeight="1" x14ac:dyDescent="0.4">
      <c r="A17" s="31" t="s">
        <v>107</v>
      </c>
      <c r="B17" s="67"/>
      <c r="C17" s="24" t="s">
        <v>109</v>
      </c>
      <c r="D17" s="41" t="s">
        <v>23</v>
      </c>
      <c r="E17" s="42" t="s">
        <v>24</v>
      </c>
      <c r="F17" s="42" t="s">
        <v>25</v>
      </c>
      <c r="G17" s="43" t="s">
        <v>26</v>
      </c>
      <c r="H17" s="44" t="s">
        <v>155</v>
      </c>
    </row>
    <row r="18" spans="1:10" ht="36.75" customHeight="1" x14ac:dyDescent="0.4">
      <c r="A18" s="32" t="s">
        <v>27</v>
      </c>
      <c r="B18" s="67"/>
      <c r="C18" s="62" t="s">
        <v>108</v>
      </c>
      <c r="D18" s="45" t="s">
        <v>152</v>
      </c>
      <c r="E18" s="45" t="s">
        <v>151</v>
      </c>
      <c r="F18" s="45" t="s">
        <v>150</v>
      </c>
      <c r="G18" s="45" t="s">
        <v>149</v>
      </c>
      <c r="H18" s="45" t="s">
        <v>148</v>
      </c>
    </row>
    <row r="19" spans="1:10" ht="60" customHeight="1" x14ac:dyDescent="0.4">
      <c r="A19" s="33"/>
      <c r="B19" s="63"/>
      <c r="C19" s="63"/>
      <c r="D19" s="18" t="s">
        <v>28</v>
      </c>
      <c r="E19" s="18" t="s">
        <v>28</v>
      </c>
      <c r="F19" s="18" t="s">
        <v>28</v>
      </c>
      <c r="G19" s="18" t="s">
        <v>28</v>
      </c>
      <c r="H19" s="18" t="s">
        <v>28</v>
      </c>
    </row>
    <row r="20" spans="1:10" ht="21" customHeight="1" x14ac:dyDescent="0.4">
      <c r="A20" s="30" t="s">
        <v>29</v>
      </c>
      <c r="B20" s="64" t="s">
        <v>31</v>
      </c>
      <c r="C20" s="28" t="s">
        <v>30</v>
      </c>
      <c r="D20" s="59" t="s">
        <v>15</v>
      </c>
      <c r="E20" s="60"/>
      <c r="F20" s="60"/>
      <c r="G20" s="60"/>
      <c r="H20" s="61"/>
    </row>
    <row r="21" spans="1:10" ht="36.75" customHeight="1" x14ac:dyDescent="0.4">
      <c r="A21" s="29" t="s">
        <v>32</v>
      </c>
      <c r="B21" s="66"/>
      <c r="C21" s="27" t="s">
        <v>110</v>
      </c>
      <c r="D21" s="75" t="s">
        <v>33</v>
      </c>
      <c r="E21" s="76"/>
      <c r="F21" s="76"/>
      <c r="G21" s="76"/>
      <c r="H21" s="77"/>
    </row>
    <row r="22" spans="1:10" ht="21" customHeight="1" x14ac:dyDescent="0.4">
      <c r="A22" s="30" t="s">
        <v>34</v>
      </c>
      <c r="B22" s="25" t="s">
        <v>36</v>
      </c>
      <c r="C22" s="24" t="s">
        <v>35</v>
      </c>
      <c r="D22" s="59" t="s">
        <v>15</v>
      </c>
      <c r="E22" s="60"/>
      <c r="F22" s="60"/>
      <c r="G22" s="60"/>
      <c r="H22" s="61"/>
    </row>
    <row r="23" spans="1:10" ht="21" customHeight="1" x14ac:dyDescent="0.4">
      <c r="A23" s="30" t="s">
        <v>37</v>
      </c>
      <c r="B23" s="64" t="s">
        <v>122</v>
      </c>
      <c r="C23" s="25" t="s">
        <v>38</v>
      </c>
      <c r="D23" s="59" t="s">
        <v>15</v>
      </c>
      <c r="E23" s="60"/>
      <c r="F23" s="60"/>
      <c r="G23" s="60"/>
      <c r="H23" s="61"/>
    </row>
    <row r="24" spans="1:10" ht="174" customHeight="1" x14ac:dyDescent="0.4">
      <c r="A24" s="32" t="s">
        <v>39</v>
      </c>
      <c r="B24" s="66"/>
      <c r="C24" s="24" t="s">
        <v>111</v>
      </c>
      <c r="D24" s="41" t="s">
        <v>23</v>
      </c>
      <c r="E24" s="42" t="s">
        <v>24</v>
      </c>
      <c r="F24" s="42" t="s">
        <v>25</v>
      </c>
      <c r="G24" s="43" t="s">
        <v>26</v>
      </c>
      <c r="H24" s="44" t="s">
        <v>153</v>
      </c>
    </row>
    <row r="25" spans="1:10" ht="36.75" customHeight="1" x14ac:dyDescent="0.4">
      <c r="A25" s="53" t="s">
        <v>112</v>
      </c>
      <c r="B25" s="64" t="s">
        <v>156</v>
      </c>
      <c r="C25" s="73" t="s">
        <v>113</v>
      </c>
      <c r="D25" s="7" t="s">
        <v>40</v>
      </c>
      <c r="E25" s="7" t="s">
        <v>41</v>
      </c>
      <c r="F25" s="7" t="s">
        <v>42</v>
      </c>
      <c r="G25" s="6" t="s">
        <v>43</v>
      </c>
      <c r="H25" s="6" t="s">
        <v>44</v>
      </c>
    </row>
    <row r="26" spans="1:10" ht="151.5" customHeight="1" x14ac:dyDescent="0.4">
      <c r="A26" s="54"/>
      <c r="B26" s="65"/>
      <c r="C26" s="73"/>
      <c r="D26" s="19" t="s">
        <v>45</v>
      </c>
      <c r="E26" s="19" t="s">
        <v>46</v>
      </c>
      <c r="F26" s="19" t="s">
        <v>47</v>
      </c>
      <c r="G26" s="18" t="s">
        <v>45</v>
      </c>
      <c r="H26" s="18" t="s">
        <v>45</v>
      </c>
    </row>
    <row r="27" spans="1:10" ht="36.75" customHeight="1" x14ac:dyDescent="0.4">
      <c r="A27" s="54"/>
      <c r="B27" s="65"/>
      <c r="C27" s="73"/>
      <c r="D27" s="12" t="s">
        <v>48</v>
      </c>
      <c r="E27" s="12" t="s">
        <v>49</v>
      </c>
      <c r="F27" s="12" t="s">
        <v>50</v>
      </c>
      <c r="G27" s="12" t="s">
        <v>51</v>
      </c>
      <c r="H27" s="12" t="s">
        <v>52</v>
      </c>
    </row>
    <row r="28" spans="1:10" ht="125.25" customHeight="1" x14ac:dyDescent="0.4">
      <c r="A28" s="54"/>
      <c r="B28" s="65"/>
      <c r="C28" s="73"/>
      <c r="D28" s="18" t="s">
        <v>53</v>
      </c>
      <c r="E28" s="18" t="s">
        <v>45</v>
      </c>
      <c r="F28" s="18" t="s">
        <v>54</v>
      </c>
      <c r="G28" s="18" t="s">
        <v>45</v>
      </c>
      <c r="H28" s="18" t="s">
        <v>55</v>
      </c>
    </row>
    <row r="29" spans="1:10" s="13" customFormat="1" ht="23.25" customHeight="1" x14ac:dyDescent="0.4">
      <c r="A29" s="54"/>
      <c r="B29" s="65"/>
      <c r="C29" s="34"/>
      <c r="D29" s="12" t="s">
        <v>56</v>
      </c>
      <c r="E29" s="9" t="s">
        <v>57</v>
      </c>
      <c r="F29" s="14"/>
      <c r="G29" s="14"/>
      <c r="H29" s="14"/>
      <c r="I29" s="16"/>
    </row>
    <row r="30" spans="1:10" s="13" customFormat="1" ht="60.75" customHeight="1" x14ac:dyDescent="0.4">
      <c r="A30" s="55"/>
      <c r="B30" s="65"/>
      <c r="C30" s="34"/>
      <c r="D30" s="46" t="s">
        <v>154</v>
      </c>
      <c r="E30" s="19" t="s">
        <v>58</v>
      </c>
      <c r="F30" s="18"/>
      <c r="G30" s="18"/>
      <c r="H30" s="18"/>
      <c r="I30" s="16"/>
    </row>
    <row r="31" spans="1:10" ht="22.5" customHeight="1" x14ac:dyDescent="0.4">
      <c r="A31" s="53" t="s">
        <v>115</v>
      </c>
      <c r="B31" s="65"/>
      <c r="C31" s="53" t="s">
        <v>114</v>
      </c>
      <c r="D31" s="7" t="s">
        <v>64</v>
      </c>
      <c r="E31" s="7" t="s">
        <v>64</v>
      </c>
      <c r="F31" s="7" t="s">
        <v>59</v>
      </c>
      <c r="G31" s="7" t="s">
        <v>60</v>
      </c>
      <c r="H31" s="6" t="s">
        <v>61</v>
      </c>
      <c r="J31" s="3"/>
    </row>
    <row r="32" spans="1:10" ht="94.5" x14ac:dyDescent="0.4">
      <c r="A32" s="54"/>
      <c r="B32" s="65"/>
      <c r="C32" s="54"/>
      <c r="D32" s="18" t="s">
        <v>45</v>
      </c>
      <c r="E32" s="18" t="s">
        <v>45</v>
      </c>
      <c r="F32" s="19" t="s">
        <v>65</v>
      </c>
      <c r="G32" s="19" t="s">
        <v>66</v>
      </c>
      <c r="H32" s="18" t="s">
        <v>45</v>
      </c>
      <c r="J32" s="3"/>
    </row>
    <row r="33" spans="1:11" s="13" customFormat="1" ht="22.5" customHeight="1" x14ac:dyDescent="0.4">
      <c r="A33" s="54"/>
      <c r="B33" s="65"/>
      <c r="C33" s="54"/>
      <c r="D33" s="6" t="s">
        <v>62</v>
      </c>
      <c r="E33" s="7" t="s">
        <v>63</v>
      </c>
      <c r="F33" s="14"/>
      <c r="G33" s="15"/>
      <c r="H33" s="15"/>
      <c r="I33" s="2"/>
      <c r="J33" s="2"/>
      <c r="K33" s="3"/>
    </row>
    <row r="34" spans="1:11" s="13" customFormat="1" ht="72" customHeight="1" x14ac:dyDescent="0.4">
      <c r="A34" s="55"/>
      <c r="B34" s="66"/>
      <c r="C34" s="55"/>
      <c r="D34" s="18" t="s">
        <v>45</v>
      </c>
      <c r="E34" s="18" t="s">
        <v>45</v>
      </c>
      <c r="F34" s="18"/>
      <c r="G34" s="19"/>
      <c r="H34" s="19"/>
      <c r="I34" s="2"/>
      <c r="J34" s="2"/>
      <c r="K34" s="3"/>
    </row>
    <row r="35" spans="1:11" x14ac:dyDescent="0.4">
      <c r="A35" s="53" t="s">
        <v>117</v>
      </c>
      <c r="B35" s="64" t="s">
        <v>156</v>
      </c>
      <c r="C35" s="74" t="s">
        <v>116</v>
      </c>
      <c r="D35" s="6" t="s">
        <v>67</v>
      </c>
      <c r="E35" s="6" t="s">
        <v>68</v>
      </c>
      <c r="F35" s="6" t="s">
        <v>69</v>
      </c>
      <c r="G35" s="6" t="s">
        <v>70</v>
      </c>
      <c r="H35" s="6" t="s">
        <v>71</v>
      </c>
    </row>
    <row r="36" spans="1:11" ht="118.5" customHeight="1" x14ac:dyDescent="0.4">
      <c r="A36" s="71"/>
      <c r="B36" s="65"/>
      <c r="C36" s="74"/>
      <c r="D36" s="18" t="s">
        <v>45</v>
      </c>
      <c r="E36" s="19" t="s">
        <v>72</v>
      </c>
      <c r="F36" s="19" t="s">
        <v>73</v>
      </c>
      <c r="G36" s="18" t="s">
        <v>45</v>
      </c>
      <c r="H36" s="19" t="s">
        <v>74</v>
      </c>
    </row>
    <row r="37" spans="1:11" x14ac:dyDescent="0.4">
      <c r="A37" s="71"/>
      <c r="B37" s="65"/>
      <c r="C37" s="74"/>
      <c r="D37" s="6" t="s">
        <v>75</v>
      </c>
      <c r="E37" s="6" t="s">
        <v>76</v>
      </c>
      <c r="F37" s="6" t="s">
        <v>77</v>
      </c>
      <c r="G37" s="6" t="s">
        <v>78</v>
      </c>
      <c r="H37" s="1"/>
      <c r="I37" s="1"/>
    </row>
    <row r="38" spans="1:11" ht="104.25" customHeight="1" x14ac:dyDescent="0.4">
      <c r="A38" s="72"/>
      <c r="B38" s="65"/>
      <c r="C38" s="74"/>
      <c r="D38" s="19" t="s">
        <v>73</v>
      </c>
      <c r="E38" s="19" t="s">
        <v>79</v>
      </c>
      <c r="F38" s="18" t="s">
        <v>45</v>
      </c>
      <c r="G38" s="18" t="s">
        <v>45</v>
      </c>
      <c r="H38" s="1"/>
    </row>
    <row r="39" spans="1:11" x14ac:dyDescent="0.4">
      <c r="A39" s="53" t="s">
        <v>118</v>
      </c>
      <c r="B39" s="65"/>
      <c r="C39" s="64" t="s">
        <v>157</v>
      </c>
      <c r="D39" s="6" t="s">
        <v>80</v>
      </c>
      <c r="E39" s="6" t="s">
        <v>81</v>
      </c>
      <c r="F39" s="6" t="s">
        <v>82</v>
      </c>
      <c r="G39" s="1"/>
      <c r="H39" s="1"/>
    </row>
    <row r="40" spans="1:11" ht="71.25" customHeight="1" x14ac:dyDescent="0.4">
      <c r="A40" s="72"/>
      <c r="B40" s="65"/>
      <c r="C40" s="66"/>
      <c r="D40" s="18" t="s">
        <v>45</v>
      </c>
      <c r="E40" s="18" t="s">
        <v>45</v>
      </c>
      <c r="F40" s="18" t="s">
        <v>83</v>
      </c>
      <c r="G40" s="1"/>
      <c r="H40" s="1"/>
    </row>
    <row r="41" spans="1:11" x14ac:dyDescent="0.4">
      <c r="A41" s="53" t="s">
        <v>120</v>
      </c>
      <c r="B41" s="65"/>
      <c r="C41" s="62" t="s">
        <v>119</v>
      </c>
      <c r="D41" s="6" t="s">
        <v>84</v>
      </c>
      <c r="E41" s="4"/>
      <c r="F41" s="5"/>
      <c r="G41" s="8"/>
      <c r="H41" s="8"/>
      <c r="I41" s="1"/>
    </row>
    <row r="42" spans="1:11" ht="69.75" customHeight="1" x14ac:dyDescent="0.4">
      <c r="A42" s="72"/>
      <c r="B42" s="66"/>
      <c r="C42" s="63"/>
      <c r="D42" s="18" t="s">
        <v>45</v>
      </c>
      <c r="E42" s="50"/>
      <c r="F42" s="8"/>
      <c r="G42" s="8"/>
      <c r="H42" s="8"/>
    </row>
    <row r="43" spans="1:11" ht="30.75" customHeight="1" x14ac:dyDescent="0.4">
      <c r="A43" s="28">
        <v>7</v>
      </c>
      <c r="B43" s="62" t="s">
        <v>166</v>
      </c>
      <c r="C43" s="79" t="s">
        <v>92</v>
      </c>
      <c r="D43" s="10" t="s">
        <v>85</v>
      </c>
      <c r="E43" s="49" t="s">
        <v>86</v>
      </c>
      <c r="F43" s="49" t="s">
        <v>87</v>
      </c>
      <c r="G43" s="49" t="s">
        <v>88</v>
      </c>
      <c r="H43" s="49" t="s">
        <v>89</v>
      </c>
    </row>
    <row r="44" spans="1:11" ht="30" customHeight="1" x14ac:dyDescent="0.4">
      <c r="A44" s="78" t="s">
        <v>90</v>
      </c>
      <c r="B44" s="67"/>
      <c r="C44" s="80"/>
      <c r="D44" s="11" t="s">
        <v>91</v>
      </c>
      <c r="E44" s="11" t="s">
        <v>91</v>
      </c>
      <c r="F44" s="11" t="s">
        <v>91</v>
      </c>
      <c r="G44" s="11" t="s">
        <v>91</v>
      </c>
      <c r="H44" s="11" t="s">
        <v>91</v>
      </c>
    </row>
    <row r="45" spans="1:11" ht="72.75" customHeight="1" x14ac:dyDescent="0.4">
      <c r="A45" s="72"/>
      <c r="B45" s="67"/>
      <c r="C45" s="80"/>
      <c r="D45" s="19" t="s">
        <v>93</v>
      </c>
      <c r="E45" s="19" t="s">
        <v>93</v>
      </c>
      <c r="F45" s="19" t="s">
        <v>93</v>
      </c>
      <c r="G45" s="19" t="s">
        <v>93</v>
      </c>
      <c r="H45" s="19" t="s">
        <v>93</v>
      </c>
    </row>
    <row r="46" spans="1:11" ht="30" customHeight="1" x14ac:dyDescent="0.4">
      <c r="A46" s="78" t="s">
        <v>94</v>
      </c>
      <c r="B46" s="67"/>
      <c r="C46" s="80"/>
      <c r="D46" s="11" t="s">
        <v>95</v>
      </c>
      <c r="E46" s="11" t="s">
        <v>95</v>
      </c>
      <c r="F46" s="11" t="s">
        <v>95</v>
      </c>
      <c r="G46" s="11" t="s">
        <v>95</v>
      </c>
      <c r="H46" s="11" t="s">
        <v>95</v>
      </c>
      <c r="I46" s="1"/>
    </row>
    <row r="47" spans="1:11" ht="30" customHeight="1" x14ac:dyDescent="0.4">
      <c r="A47" s="72"/>
      <c r="B47" s="67"/>
      <c r="C47" s="80"/>
      <c r="D47" s="19" t="s">
        <v>96</v>
      </c>
      <c r="E47" s="19" t="s">
        <v>96</v>
      </c>
      <c r="F47" s="19" t="s">
        <v>96</v>
      </c>
      <c r="G47" s="19" t="s">
        <v>96</v>
      </c>
      <c r="H47" s="19" t="s">
        <v>96</v>
      </c>
      <c r="I47" s="1"/>
    </row>
    <row r="48" spans="1:11" ht="30" customHeight="1" x14ac:dyDescent="0.4">
      <c r="A48" s="78" t="s">
        <v>97</v>
      </c>
      <c r="B48" s="67"/>
      <c r="C48" s="80"/>
      <c r="D48" s="11" t="s">
        <v>98</v>
      </c>
      <c r="E48" s="11" t="s">
        <v>98</v>
      </c>
      <c r="F48" s="11" t="s">
        <v>98</v>
      </c>
      <c r="G48" s="11" t="s">
        <v>98</v>
      </c>
      <c r="H48" s="11" t="s">
        <v>98</v>
      </c>
      <c r="I48" s="1"/>
    </row>
    <row r="49" spans="1:9" ht="40.5" customHeight="1" x14ac:dyDescent="0.4">
      <c r="A49" s="72"/>
      <c r="B49" s="67"/>
      <c r="C49" s="80"/>
      <c r="D49" s="19"/>
      <c r="E49" s="19"/>
      <c r="F49" s="19"/>
      <c r="G49" s="19"/>
      <c r="H49" s="19"/>
      <c r="I49" s="1"/>
    </row>
    <row r="50" spans="1:9" ht="27.75" customHeight="1" x14ac:dyDescent="0.4">
      <c r="A50" s="78" t="s">
        <v>99</v>
      </c>
      <c r="B50" s="67"/>
      <c r="C50" s="80"/>
      <c r="D50" s="11" t="s">
        <v>100</v>
      </c>
      <c r="E50" s="11" t="s">
        <v>100</v>
      </c>
      <c r="F50" s="11" t="s">
        <v>100</v>
      </c>
      <c r="G50" s="11" t="s">
        <v>100</v>
      </c>
      <c r="H50" s="11" t="s">
        <v>100</v>
      </c>
      <c r="I50" s="1"/>
    </row>
    <row r="51" spans="1:9" ht="27.75" customHeight="1" x14ac:dyDescent="0.4">
      <c r="A51" s="72"/>
      <c r="B51" s="67"/>
      <c r="C51" s="80"/>
      <c r="D51" s="47" t="s">
        <v>121</v>
      </c>
      <c r="E51" s="47" t="s">
        <v>121</v>
      </c>
      <c r="F51" s="47" t="s">
        <v>121</v>
      </c>
      <c r="G51" s="47" t="s">
        <v>121</v>
      </c>
      <c r="H51" s="47" t="s">
        <v>121</v>
      </c>
      <c r="I51" s="1"/>
    </row>
    <row r="52" spans="1:9" ht="27.75" customHeight="1" x14ac:dyDescent="0.4">
      <c r="A52" s="78" t="s">
        <v>101</v>
      </c>
      <c r="B52" s="67"/>
      <c r="C52" s="80"/>
      <c r="D52" s="11" t="s">
        <v>102</v>
      </c>
      <c r="E52" s="11" t="s">
        <v>102</v>
      </c>
      <c r="F52" s="11" t="s">
        <v>102</v>
      </c>
      <c r="G52" s="11" t="s">
        <v>102</v>
      </c>
      <c r="H52" s="11" t="s">
        <v>102</v>
      </c>
      <c r="I52" s="1"/>
    </row>
    <row r="53" spans="1:9" ht="27.75" customHeight="1" x14ac:dyDescent="0.4">
      <c r="A53" s="72"/>
      <c r="B53" s="67"/>
      <c r="C53" s="80"/>
      <c r="D53" s="47" t="s">
        <v>121</v>
      </c>
      <c r="E53" s="47" t="s">
        <v>121</v>
      </c>
      <c r="F53" s="47" t="s">
        <v>121</v>
      </c>
      <c r="G53" s="47" t="s">
        <v>121</v>
      </c>
      <c r="H53" s="47" t="s">
        <v>121</v>
      </c>
      <c r="I53" s="1"/>
    </row>
    <row r="54" spans="1:9" ht="30" customHeight="1" x14ac:dyDescent="0.4">
      <c r="A54" s="78" t="s">
        <v>103</v>
      </c>
      <c r="B54" s="67"/>
      <c r="C54" s="80"/>
      <c r="D54" s="11" t="s">
        <v>104</v>
      </c>
      <c r="E54" s="11" t="s">
        <v>104</v>
      </c>
      <c r="F54" s="11" t="s">
        <v>104</v>
      </c>
      <c r="G54" s="11" t="s">
        <v>104</v>
      </c>
      <c r="H54" s="11" t="s">
        <v>104</v>
      </c>
      <c r="I54" s="1"/>
    </row>
    <row r="55" spans="1:9" ht="90.75" customHeight="1" x14ac:dyDescent="0.4">
      <c r="A55" s="72"/>
      <c r="B55" s="63"/>
      <c r="C55" s="81"/>
      <c r="D55" s="19" t="s">
        <v>159</v>
      </c>
      <c r="E55" s="19" t="s">
        <v>105</v>
      </c>
      <c r="F55" s="19" t="s">
        <v>105</v>
      </c>
      <c r="G55" s="19" t="s">
        <v>105</v>
      </c>
      <c r="H55" s="19" t="s">
        <v>105</v>
      </c>
      <c r="I55" s="1"/>
    </row>
  </sheetData>
  <sheetProtection algorithmName="SHA-512" hashValue="F/vc4AOoJdpXjhMNKlIO1Pd7VxH/wXMrqRivzNBCihH0w1WqA8XHcFQhRVO/4TqbFP1pUG6QGdkNAXnglS4aNA==" saltValue="ozn2aotQ4vDhF7QuqJwUFA==" spinCount="100000" sheet="1" objects="1" scenarios="1" selectLockedCells="1"/>
  <mergeCells count="45">
    <mergeCell ref="D2:H2"/>
    <mergeCell ref="D3:H3"/>
    <mergeCell ref="D4:H4"/>
    <mergeCell ref="D6:H6"/>
    <mergeCell ref="B4:B7"/>
    <mergeCell ref="A54:A55"/>
    <mergeCell ref="B43:B55"/>
    <mergeCell ref="C43:C55"/>
    <mergeCell ref="C39:C40"/>
    <mergeCell ref="C41:C42"/>
    <mergeCell ref="A44:A45"/>
    <mergeCell ref="A46:A47"/>
    <mergeCell ref="A48:A49"/>
    <mergeCell ref="A50:A51"/>
    <mergeCell ref="A52:A53"/>
    <mergeCell ref="A35:A38"/>
    <mergeCell ref="C25:C28"/>
    <mergeCell ref="C35:C38"/>
    <mergeCell ref="D20:H20"/>
    <mergeCell ref="D21:H21"/>
    <mergeCell ref="D22:H22"/>
    <mergeCell ref="D23:H23"/>
    <mergeCell ref="C31:C34"/>
    <mergeCell ref="B23:B24"/>
    <mergeCell ref="B25:B34"/>
    <mergeCell ref="B35:B42"/>
    <mergeCell ref="A39:A40"/>
    <mergeCell ref="A41:A42"/>
    <mergeCell ref="B20:B21"/>
    <mergeCell ref="A1:H1"/>
    <mergeCell ref="A25:A30"/>
    <mergeCell ref="A31:A34"/>
    <mergeCell ref="D5:H5"/>
    <mergeCell ref="D8:H8"/>
    <mergeCell ref="D9:H9"/>
    <mergeCell ref="D10:H10"/>
    <mergeCell ref="C18:C19"/>
    <mergeCell ref="B12:B15"/>
    <mergeCell ref="B16:B19"/>
    <mergeCell ref="D12:H12"/>
    <mergeCell ref="D13:H13"/>
    <mergeCell ref="D14:H14"/>
    <mergeCell ref="D15:H15"/>
    <mergeCell ref="D16:H16"/>
    <mergeCell ref="B8:B11"/>
  </mergeCells>
  <phoneticPr fontId="2"/>
  <pageMargins left="0.23622047244094491" right="0.23622047244094491" top="0.74803149606299213" bottom="0.74803149606299213" header="0.31496062992125984" footer="0.31496062992125984"/>
  <pageSetup paperSize="9" scale="73" fitToHeight="0" orientation="landscape" r:id="rId1"/>
  <headerFooter>
    <oddHeader>&amp;C &amp;R⑤情報登録用紙　　　</oddHeader>
    <oddFooter>&amp;P / &amp;N ページ</oddFooter>
  </headerFooter>
  <rowBreaks count="4" manualBreakCount="4">
    <brk id="15" max="16383" man="1"/>
    <brk id="24" max="16383" man="1"/>
    <brk id="34" max="16383" man="1"/>
    <brk id="4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がんゲノム医療情報登録データ</vt:lpstr>
      <vt:lpstr>がんゲノム医療情報登録データ!Print_Titles</vt:lpstr>
    </vt:vector>
  </TitlesOfParts>
  <Manager/>
  <Company>NCC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sudo</dc:creator>
  <cp:keywords/>
  <dc:description/>
  <cp:lastModifiedBy>大阪市民病院機構</cp:lastModifiedBy>
  <cp:revision/>
  <cp:lastPrinted>2019-12-11T02:46:11Z</cp:lastPrinted>
  <dcterms:created xsi:type="dcterms:W3CDTF">2018-09-10T23:50:25Z</dcterms:created>
  <dcterms:modified xsi:type="dcterms:W3CDTF">2019-12-24T06:15:04Z</dcterms:modified>
  <cp:category/>
  <cp:contentStatus/>
</cp:coreProperties>
</file>